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B6AFE2D" w14:textId="208BA016" w:rsidR="00931668" w:rsidRPr="00931668" w:rsidRDefault="00931668" w:rsidP="004F51A2">
      <w:pPr>
        <w:rPr>
          <w:b/>
          <w:bCs/>
          <w:sz w:val="24"/>
          <w:szCs w:val="24"/>
        </w:rPr>
      </w:pPr>
      <w:r w:rsidRPr="00931668">
        <w:rPr>
          <w:b/>
          <w:bCs/>
          <w:sz w:val="24"/>
          <w:szCs w:val="24"/>
        </w:rPr>
        <w:t>Trivselregler flickor 2016</w:t>
      </w:r>
      <w:r>
        <w:rPr>
          <w:b/>
          <w:bCs/>
          <w:sz w:val="24"/>
          <w:szCs w:val="24"/>
        </w:rPr>
        <w:t>,</w:t>
      </w:r>
      <w:r w:rsidRPr="00931668">
        <w:rPr>
          <w:b/>
          <w:bCs/>
          <w:sz w:val="24"/>
          <w:szCs w:val="24"/>
        </w:rPr>
        <w:t xml:space="preserve"> GIF 202</w:t>
      </w:r>
      <w:r w:rsidR="00F653DA">
        <w:rPr>
          <w:b/>
          <w:bCs/>
          <w:sz w:val="24"/>
          <w:szCs w:val="24"/>
        </w:rPr>
        <w:t>6</w:t>
      </w:r>
      <w:r w:rsidRPr="00931668">
        <w:rPr>
          <w:b/>
          <w:bCs/>
          <w:sz w:val="24"/>
          <w:szCs w:val="24"/>
        </w:rPr>
        <w:t>.</w:t>
      </w:r>
    </w:p>
    <w:p w14:paraId="0797DA78" w14:textId="5EF33007" w:rsidR="004F51A2" w:rsidRPr="00F35336" w:rsidRDefault="00931668" w:rsidP="004F51A2">
      <w:pPr>
        <w:rPr>
          <w:u w:val="single"/>
        </w:rPr>
      </w:pPr>
      <w:r w:rsidRPr="00F35336">
        <w:rPr>
          <w:u w:val="single"/>
        </w:rPr>
        <w:t>Så</w:t>
      </w:r>
      <w:r w:rsidR="002C1874" w:rsidRPr="00F35336">
        <w:rPr>
          <w:u w:val="single"/>
        </w:rPr>
        <w:t xml:space="preserve"> </w:t>
      </w:r>
      <w:r w:rsidRPr="00F35336">
        <w:rPr>
          <w:u w:val="single"/>
        </w:rPr>
        <w:t>här vill vi att en</w:t>
      </w:r>
      <w:r w:rsidR="00A159FE" w:rsidRPr="00F35336">
        <w:rPr>
          <w:u w:val="single"/>
        </w:rPr>
        <w:t xml:space="preserve"> bra lagkompis</w:t>
      </w:r>
      <w:r w:rsidRPr="00F35336">
        <w:rPr>
          <w:u w:val="single"/>
        </w:rPr>
        <w:t xml:space="preserve"> är:</w:t>
      </w:r>
    </w:p>
    <w:p w14:paraId="6850A311" w14:textId="5B853E54" w:rsidR="00A159FE" w:rsidRDefault="00F103F4" w:rsidP="00F103F4">
      <w:pPr>
        <w:pStyle w:val="Liststycke"/>
        <w:numPr>
          <w:ilvl w:val="0"/>
          <w:numId w:val="41"/>
        </w:numPr>
      </w:pPr>
      <w:r>
        <w:t>Snäll och välkomnande</w:t>
      </w:r>
      <w:r w:rsidR="00F653DA">
        <w:t>, ser till att alla får vara med.</w:t>
      </w:r>
    </w:p>
    <w:p w14:paraId="6B7C6BFA" w14:textId="4ACC0334" w:rsidR="00F103F4" w:rsidRDefault="00A9111B" w:rsidP="00F103F4">
      <w:pPr>
        <w:pStyle w:val="Liststycke"/>
        <w:numPr>
          <w:ilvl w:val="0"/>
          <w:numId w:val="41"/>
        </w:numPr>
      </w:pPr>
      <w:r>
        <w:t>Använder en bra ton</w:t>
      </w:r>
      <w:r w:rsidR="00F653DA">
        <w:t>, med snälla ord,</w:t>
      </w:r>
      <w:r>
        <w:t xml:space="preserve"> när man pratar</w:t>
      </w:r>
      <w:r w:rsidR="00F103F4">
        <w:t xml:space="preserve"> och</w:t>
      </w:r>
      <w:r w:rsidR="00931668">
        <w:t xml:space="preserve"> </w:t>
      </w:r>
      <w:r w:rsidR="00F103F4">
        <w:t>peppa</w:t>
      </w:r>
      <w:r w:rsidR="00F653DA">
        <w:t>r varandra, även om det inte går som man vill.</w:t>
      </w:r>
    </w:p>
    <w:p w14:paraId="6BC42F6E" w14:textId="48118A12" w:rsidR="00F103F4" w:rsidRDefault="00F103F4" w:rsidP="00F103F4">
      <w:pPr>
        <w:pStyle w:val="Liststycke"/>
        <w:numPr>
          <w:ilvl w:val="0"/>
          <w:numId w:val="41"/>
        </w:numPr>
      </w:pPr>
      <w:r>
        <w:t>Glad</w:t>
      </w:r>
      <w:r w:rsidR="00F653DA">
        <w:t>, rolig</w:t>
      </w:r>
      <w:r>
        <w:t xml:space="preserve"> och positiv</w:t>
      </w:r>
      <w:r w:rsidR="00F653DA">
        <w:t>, som ger bra energi till andra.</w:t>
      </w:r>
    </w:p>
    <w:p w14:paraId="0468A1BF" w14:textId="2FC0F6FA" w:rsidR="00F103F4" w:rsidRDefault="00931668" w:rsidP="008054BD">
      <w:pPr>
        <w:pStyle w:val="Liststycke"/>
        <w:numPr>
          <w:ilvl w:val="0"/>
          <w:numId w:val="41"/>
        </w:numPr>
      </w:pPr>
      <w:r>
        <w:t>Omtänksam, och är vän med alla</w:t>
      </w:r>
    </w:p>
    <w:p w14:paraId="070A4B86" w14:textId="77777777" w:rsidR="00F103F4" w:rsidRDefault="00F103F4" w:rsidP="00931668">
      <w:pPr>
        <w:pStyle w:val="Liststycke"/>
      </w:pPr>
    </w:p>
    <w:p w14:paraId="20CE8FB8" w14:textId="14F3B82C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En bra ledare</w:t>
      </w:r>
      <w:r w:rsidR="003744D7" w:rsidRPr="00F35336">
        <w:rPr>
          <w:u w:val="single"/>
        </w:rPr>
        <w:t xml:space="preserve"> ska:</w:t>
      </w:r>
    </w:p>
    <w:p w14:paraId="1D442DE7" w14:textId="1FC211AE" w:rsidR="00D46529" w:rsidRDefault="0025111D" w:rsidP="00717B9E">
      <w:pPr>
        <w:pStyle w:val="Liststycke"/>
        <w:numPr>
          <w:ilvl w:val="0"/>
          <w:numId w:val="41"/>
        </w:numPr>
      </w:pPr>
      <w:r>
        <w:t>Prata med s</w:t>
      </w:r>
      <w:r w:rsidR="00D46529">
        <w:t>näll ton</w:t>
      </w:r>
      <w:r w:rsidR="00E0394C">
        <w:t xml:space="preserve"> och inte skrika eller vara arg</w:t>
      </w:r>
    </w:p>
    <w:p w14:paraId="0D0F9A22" w14:textId="15E3BAFF" w:rsidR="00D46529" w:rsidRDefault="00D46529" w:rsidP="00717B9E">
      <w:pPr>
        <w:pStyle w:val="Liststycke"/>
        <w:numPr>
          <w:ilvl w:val="0"/>
          <w:numId w:val="41"/>
        </w:numPr>
      </w:pPr>
      <w:r>
        <w:t>Hjälpa</w:t>
      </w:r>
      <w:r w:rsidR="00F653DA">
        <w:t>, pusha och</w:t>
      </w:r>
      <w:r w:rsidR="00E0394C">
        <w:t xml:space="preserve"> </w:t>
      </w:r>
      <w:r w:rsidR="002E63BF">
        <w:t>stötta</w:t>
      </w:r>
      <w:r w:rsidR="00845ED8">
        <w:t xml:space="preserve"> på ett positivt sätt.</w:t>
      </w:r>
    </w:p>
    <w:p w14:paraId="4EFEA014" w14:textId="415DDBDB" w:rsidR="00D46529" w:rsidRDefault="00F653DA" w:rsidP="00717B9E">
      <w:pPr>
        <w:pStyle w:val="Liststycke"/>
        <w:numPr>
          <w:ilvl w:val="0"/>
          <w:numId w:val="41"/>
        </w:numPr>
      </w:pPr>
      <w:proofErr w:type="spellStart"/>
      <w:r>
        <w:t>Inlyssnande</w:t>
      </w:r>
      <w:proofErr w:type="spellEnd"/>
      <w:r>
        <w:t xml:space="preserve"> och se att alla trivs och förstår övningarna.</w:t>
      </w:r>
    </w:p>
    <w:p w14:paraId="299D4635" w14:textId="554E352E" w:rsidR="00D46529" w:rsidRDefault="004A14B2" w:rsidP="00717B9E">
      <w:pPr>
        <w:pStyle w:val="Liststycke"/>
        <w:numPr>
          <w:ilvl w:val="0"/>
          <w:numId w:val="41"/>
        </w:numPr>
      </w:pPr>
      <w:r>
        <w:t>Vara kunnig och kunna lära ut</w:t>
      </w:r>
      <w:r w:rsidR="00845ED8">
        <w:t xml:space="preserve"> och förklara</w:t>
      </w:r>
      <w:r>
        <w:t xml:space="preserve"> så att alla förstår</w:t>
      </w:r>
    </w:p>
    <w:p w14:paraId="22656E32" w14:textId="33224E94" w:rsidR="00845ED8" w:rsidRDefault="00845ED8" w:rsidP="00717B9E">
      <w:pPr>
        <w:pStyle w:val="Liststycke"/>
        <w:numPr>
          <w:ilvl w:val="0"/>
          <w:numId w:val="41"/>
        </w:numPr>
      </w:pPr>
      <w:r>
        <w:t>Vara förberedd och aktiv i övningarna.</w:t>
      </w:r>
    </w:p>
    <w:p w14:paraId="5623BB00" w14:textId="77777777" w:rsidR="002E63BF" w:rsidRDefault="002E63BF" w:rsidP="002E63BF">
      <w:pPr>
        <w:pStyle w:val="Liststycke"/>
      </w:pPr>
    </w:p>
    <w:p w14:paraId="11B63BF7" w14:textId="38EAABB3" w:rsidR="00A159FE" w:rsidRPr="00F35336" w:rsidRDefault="00562580" w:rsidP="004F51A2">
      <w:pPr>
        <w:rPr>
          <w:u w:val="single"/>
        </w:rPr>
      </w:pPr>
      <w:r w:rsidRPr="00F35336">
        <w:rPr>
          <w:u w:val="single"/>
        </w:rPr>
        <w:t>Det</w:t>
      </w:r>
      <w:r w:rsidR="00845ED8">
        <w:rPr>
          <w:u w:val="single"/>
        </w:rPr>
        <w:t>ta är viktigt då vi</w:t>
      </w:r>
      <w:r w:rsidR="00A159FE" w:rsidRPr="00F35336">
        <w:rPr>
          <w:u w:val="single"/>
        </w:rPr>
        <w:t xml:space="preserve"> komm</w:t>
      </w:r>
      <w:r w:rsidR="00DA54E6" w:rsidRPr="00F35336">
        <w:rPr>
          <w:u w:val="single"/>
        </w:rPr>
        <w:t>er</w:t>
      </w:r>
      <w:r w:rsidR="00A159FE" w:rsidRPr="00F35336">
        <w:rPr>
          <w:u w:val="single"/>
        </w:rPr>
        <w:t xml:space="preserve"> till träning/match</w:t>
      </w:r>
      <w:r w:rsidR="00DA54E6" w:rsidRPr="00F35336">
        <w:rPr>
          <w:u w:val="single"/>
        </w:rPr>
        <w:t>:</w:t>
      </w:r>
    </w:p>
    <w:p w14:paraId="1FD2812E" w14:textId="60A285B8" w:rsidR="00DA54E6" w:rsidRDefault="00845ED8" w:rsidP="00DA54E6">
      <w:pPr>
        <w:pStyle w:val="Liststycke"/>
        <w:numPr>
          <w:ilvl w:val="0"/>
          <w:numId w:val="41"/>
        </w:numPr>
      </w:pPr>
      <w:r>
        <w:t>Att man har roligt, är glad och samarbetar bra.</w:t>
      </w:r>
    </w:p>
    <w:p w14:paraId="1B5CAD88" w14:textId="3FBCFE29" w:rsidR="004B4287" w:rsidRDefault="007352A0" w:rsidP="008F5424">
      <w:pPr>
        <w:pStyle w:val="Liststycke"/>
        <w:numPr>
          <w:ilvl w:val="0"/>
          <w:numId w:val="41"/>
        </w:numPr>
      </w:pPr>
      <w:r>
        <w:t>Att man är peppad och förberedd på träningen</w:t>
      </w:r>
      <w:r w:rsidR="00845ED8">
        <w:t xml:space="preserve"> så att man har med allt man behöver.</w:t>
      </w:r>
    </w:p>
    <w:p w14:paraId="0D066615" w14:textId="3C2E4CDB" w:rsidR="00845ED8" w:rsidRDefault="00845ED8" w:rsidP="008F5424">
      <w:pPr>
        <w:pStyle w:val="Liststycke"/>
        <w:numPr>
          <w:ilvl w:val="0"/>
          <w:numId w:val="41"/>
        </w:numPr>
      </w:pPr>
      <w:r>
        <w:t>Att man orkar träna/spela och att kämpa och vara aktiv.</w:t>
      </w:r>
    </w:p>
    <w:p w14:paraId="759D78E9" w14:textId="74C1BE0C" w:rsidR="00845ED8" w:rsidRDefault="00845ED8" w:rsidP="008F5424">
      <w:pPr>
        <w:pStyle w:val="Liststycke"/>
        <w:numPr>
          <w:ilvl w:val="0"/>
          <w:numId w:val="41"/>
        </w:numPr>
      </w:pPr>
      <w:r>
        <w:t>Att man känner sig välkommen av alla och hälsar på varandra.</w:t>
      </w:r>
    </w:p>
    <w:p w14:paraId="44F04953" w14:textId="77777777" w:rsidR="00253291" w:rsidRDefault="00253291" w:rsidP="00253291">
      <w:pPr>
        <w:pStyle w:val="Liststycke"/>
      </w:pPr>
    </w:p>
    <w:p w14:paraId="6124A02F" w14:textId="71DC8F56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Vad som ska kännas bra efter träning/match</w:t>
      </w:r>
      <w:r w:rsidR="00FA604B" w:rsidRPr="00F35336">
        <w:rPr>
          <w:u w:val="single"/>
        </w:rPr>
        <w:t>:</w:t>
      </w:r>
    </w:p>
    <w:p w14:paraId="35BC197B" w14:textId="75487253" w:rsidR="00253291" w:rsidRDefault="00FA604B" w:rsidP="00253291">
      <w:pPr>
        <w:pStyle w:val="Liststycke"/>
        <w:numPr>
          <w:ilvl w:val="0"/>
          <w:numId w:val="41"/>
        </w:numPr>
      </w:pPr>
      <w:r>
        <w:t>Att man haft roligt</w:t>
      </w:r>
      <w:r w:rsidR="00845ED8">
        <w:t xml:space="preserve"> och är glad.</w:t>
      </w:r>
    </w:p>
    <w:p w14:paraId="24D6DD87" w14:textId="77777777" w:rsidR="00845ED8" w:rsidRDefault="007352A0" w:rsidP="00845ED8">
      <w:pPr>
        <w:pStyle w:val="Liststycke"/>
        <w:numPr>
          <w:ilvl w:val="0"/>
          <w:numId w:val="41"/>
        </w:numPr>
      </w:pPr>
      <w:r>
        <w:t xml:space="preserve">Att man </w:t>
      </w:r>
      <w:r w:rsidR="00845ED8">
        <w:t>gjort sitt bästa och känner att man fått vara med och klarat av de.</w:t>
      </w:r>
    </w:p>
    <w:p w14:paraId="1A6D53CB" w14:textId="0FBCF354" w:rsidR="005511C9" w:rsidRDefault="00845ED8" w:rsidP="00845ED8">
      <w:pPr>
        <w:pStyle w:val="Liststycke"/>
        <w:numPr>
          <w:ilvl w:val="0"/>
          <w:numId w:val="41"/>
        </w:numPr>
      </w:pPr>
      <w:r>
        <w:t>Att man är svettig och trött.</w:t>
      </w:r>
    </w:p>
    <w:p w14:paraId="6E8703C4" w14:textId="67444CC7" w:rsidR="00845ED8" w:rsidRDefault="00845ED8" w:rsidP="00845ED8">
      <w:pPr>
        <w:pStyle w:val="Liststycke"/>
        <w:numPr>
          <w:ilvl w:val="0"/>
          <w:numId w:val="41"/>
        </w:numPr>
      </w:pPr>
      <w:r>
        <w:t>Att man lärt sig något</w:t>
      </w:r>
      <w:r w:rsidR="00FF6B03">
        <w:t xml:space="preserve"> och har utvecklats och att någon har sett detta.</w:t>
      </w:r>
    </w:p>
    <w:p w14:paraId="554CC2BE" w14:textId="247E4103" w:rsidR="00FF6B03" w:rsidRDefault="00FF6B03" w:rsidP="00FF6B03">
      <w:pPr>
        <w:rPr>
          <w:u w:val="single"/>
        </w:rPr>
      </w:pPr>
      <w:r>
        <w:rPr>
          <w:u w:val="single"/>
        </w:rPr>
        <w:br/>
        <w:t>Varför vi spelar fotboll</w:t>
      </w:r>
      <w:r w:rsidRPr="00F35336">
        <w:rPr>
          <w:u w:val="single"/>
        </w:rPr>
        <w:t>:</w:t>
      </w:r>
    </w:p>
    <w:p w14:paraId="430AF115" w14:textId="3DEEAC8B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>För att ens kompisar och syskon spelar och man får vara med sina kompisar samtidigt som man tränar.</w:t>
      </w:r>
    </w:p>
    <w:p w14:paraId="10FB7EAB" w14:textId="2E50F94D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>För att det är roligt att känna att man blir bättre och utvecklas.</w:t>
      </w:r>
    </w:p>
    <w:p w14:paraId="31563C46" w14:textId="652CC21E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>För att det är roligt att träna med en boll.</w:t>
      </w:r>
    </w:p>
    <w:p w14:paraId="174DBCC8" w14:textId="3ECDA814" w:rsidR="00FF6B03" w:rsidRDefault="00FF6B03" w:rsidP="00FF6B03">
      <w:pPr>
        <w:rPr>
          <w:u w:val="single"/>
        </w:rPr>
      </w:pPr>
      <w:r>
        <w:br/>
      </w:r>
      <w:r>
        <w:rPr>
          <w:u w:val="single"/>
        </w:rPr>
        <w:t>För ledarna är detta viktigt</w:t>
      </w:r>
      <w:r w:rsidRPr="00F35336">
        <w:rPr>
          <w:u w:val="single"/>
        </w:rPr>
        <w:t>:</w:t>
      </w:r>
    </w:p>
    <w:p w14:paraId="0CD392C1" w14:textId="2A8F0666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 xml:space="preserve">Att både tränarna och spelarna är förberedda inför träning och match. Alla ska ha rätt utrustning på sig, vara mätta i magen, varit på toa innan för att kunna delta direkt när vi startar </w:t>
      </w:r>
      <w:proofErr w:type="gramStart"/>
      <w:r>
        <w:t>igång</w:t>
      </w:r>
      <w:proofErr w:type="gramEnd"/>
      <w:r>
        <w:t xml:space="preserve"> samlingen.</w:t>
      </w:r>
    </w:p>
    <w:p w14:paraId="338C9CA2" w14:textId="1440D022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 xml:space="preserve">Att alla är fokuserade på att träna/spela fotboll. Vad man gjort tidigare under dagen, eller ska göra senare får man prata om före eller efter fotobllen. </w:t>
      </w:r>
    </w:p>
    <w:p w14:paraId="6FC2DA9A" w14:textId="4A73CE64" w:rsidR="00FF6B03" w:rsidRPr="00FF6B03" w:rsidRDefault="00FF6B03" w:rsidP="00FF6B03">
      <w:pPr>
        <w:pStyle w:val="Liststycke"/>
        <w:numPr>
          <w:ilvl w:val="0"/>
          <w:numId w:val="41"/>
        </w:numPr>
        <w:rPr>
          <w:u w:val="single"/>
        </w:rPr>
      </w:pPr>
      <w:r>
        <w:t xml:space="preserve">Alla är på träningar/matcher frivilligt så är man på plats gör man sitt bästa och är engagerad, aktiv och lyssnar. </w:t>
      </w:r>
    </w:p>
    <w:p w14:paraId="72DE45FF" w14:textId="1C500EEA" w:rsidR="00FF6B03" w:rsidRDefault="00FF6B03" w:rsidP="00FF6B03"/>
    <w:p w14:paraId="6026B7BF" w14:textId="77777777" w:rsidR="00A159FE" w:rsidRDefault="00A159FE" w:rsidP="004F51A2"/>
    <w:p w14:paraId="674D59A2" w14:textId="77777777" w:rsidR="00A159FE" w:rsidRPr="00A90CBC" w:rsidRDefault="00A159FE" w:rsidP="004F51A2"/>
    <w:sectPr w:rsidR="00A159FE" w:rsidRPr="00A90CBC" w:rsidSect="0001536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5A172F3" w14:textId="77777777" w:rsidR="00A159FE" w:rsidRDefault="00A159FE" w:rsidP="00C17A1E">
      <w:pPr>
        <w:spacing w:line="240" w:lineRule="auto"/>
      </w:pPr>
      <w:r>
        <w:separator/>
      </w:r>
    </w:p>
  </w:endnote>
  <w:endnote w:type="continuationSeparator" w:id="0">
    <w:p w14:paraId="6934AD09" w14:textId="77777777" w:rsidR="00A159FE" w:rsidRDefault="00A159F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8ED2D5" w14:textId="77777777" w:rsidR="00402212" w:rsidRPr="00C81165" w:rsidRDefault="00E12855" w:rsidP="00C81165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7633B654" wp14:editId="38E69E9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A53C253" w14:textId="7289C803" w:rsidR="00E12855" w:rsidRPr="00C17A1E" w:rsidRDefault="00FF6B03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15484958-1a8d-4bb5-8bcc-de81f8330e5e&quot;}}"/>
                              <w:id w:val="934174049"/>
                              <w:placeholder>
                                <w:docPart w:val="D244122E8A3446C8ABF10DD720B4163D"/>
                              </w:placeholder>
                            </w:sdtPr>
                            <w:sdtEndPr/>
                            <w:sdtContent>
                              <w:r w:rsidR="00F35336">
                                <w:t>Sida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30684495-c947-4f9f-8b5c-eb0876943bbb&quot;}}"/>
                              <w:id w:val="-1284804805"/>
                              <w:placeholder>
                                <w:docPart w:val="B49E71DC1B6F4189A1F4622C37DD74CA"/>
                              </w:placeholder>
                            </w:sdtPr>
                            <w:sdtEndPr/>
                            <w:sdtContent>
                              <w:r w:rsidR="00F35336">
                                <w:t>av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33B65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1A53C253" w14:textId="7289C803" w:rsidR="00E12855" w:rsidRPr="00C17A1E" w:rsidRDefault="00FF6B03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15484958-1a8d-4bb5-8bcc-de81f8330e5e&quot;}}"/>
                        <w:id w:val="934174049"/>
                        <w:placeholder>
                          <w:docPart w:val="D244122E8A3446C8ABF10DD720B4163D"/>
                        </w:placeholder>
                      </w:sdtPr>
                      <w:sdtEndPr/>
                      <w:sdtContent>
                        <w:r w:rsidR="00F35336">
                          <w:t>Sida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30684495-c947-4f9f-8b5c-eb0876943bbb&quot;}}"/>
                        <w:id w:val="-1284804805"/>
                        <w:placeholder>
                          <w:docPart w:val="B49E71DC1B6F4189A1F4622C37DD74CA"/>
                        </w:placeholder>
                      </w:sdtPr>
                      <w:sdtEndPr/>
                      <w:sdtContent>
                        <w:r w:rsidR="00F35336">
                          <w:t>av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71F9E0" w14:textId="77777777" w:rsidR="00936947" w:rsidRPr="00A90CBC" w:rsidRDefault="00A90CBC" w:rsidP="00A90CBC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6961761" wp14:editId="770BCA1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E5EFC31" w14:textId="07F32644" w:rsidR="00A90CBC" w:rsidRPr="00C17A1E" w:rsidRDefault="00FF6B03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d1a11029-6c21-4eaf-b970-14e256d240e1&quot;}}"/>
                              <w:id w:val="-852106353"/>
                            </w:sdtPr>
                            <w:sdtEndPr/>
                            <w:sdtContent>
                              <w:r w:rsidR="00F35336">
                                <w:t>Sida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9f0bf457-6fba-4207-a90d-690eab7d5d92&quot;}}"/>
                              <w:id w:val="1465618562"/>
                            </w:sdtPr>
                            <w:sdtEndPr/>
                            <w:sdtContent>
                              <w:r w:rsidR="00F35336">
                                <w:t>av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961761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6E5EFC31" w14:textId="07F32644" w:rsidR="00A90CBC" w:rsidRPr="00C17A1E" w:rsidRDefault="00FF6B03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d1a11029-6c21-4eaf-b970-14e256d240e1&quot;}}"/>
                        <w:id w:val="-852106353"/>
                      </w:sdtPr>
                      <w:sdtEndPr/>
                      <w:sdtContent>
                        <w:r w:rsidR="00F35336">
                          <w:t>Sida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9f0bf457-6fba-4207-a90d-690eab7d5d92&quot;}}"/>
                        <w:id w:val="1465618562"/>
                      </w:sdtPr>
                      <w:sdtEndPr/>
                      <w:sdtContent>
                        <w:r w:rsidR="00F35336">
                          <w:t>av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D3E2B7C" w14:textId="77777777" w:rsidR="00A159FE" w:rsidRDefault="00A159FE" w:rsidP="00C17A1E">
      <w:pPr>
        <w:spacing w:line="240" w:lineRule="auto"/>
      </w:pPr>
      <w:r>
        <w:separator/>
      </w:r>
    </w:p>
  </w:footnote>
  <w:footnote w:type="continuationSeparator" w:id="0">
    <w:p w14:paraId="30265305" w14:textId="77777777" w:rsidR="00A159FE" w:rsidRDefault="00A159F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0D843A" w14:textId="77777777" w:rsidR="009324E6" w:rsidRDefault="009324E6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593B6190" wp14:editId="561AB51E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49215175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215175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7EC5A0" w14:textId="77777777" w:rsidR="00561613" w:rsidRDefault="00561613" w:rsidP="00561613">
    <w:pPr>
      <w:pStyle w:val="Sidhuvud"/>
    </w:pPr>
  </w:p>
  <w:p w14:paraId="19704AAB" w14:textId="77777777" w:rsidR="008D0FCA" w:rsidRPr="00561613" w:rsidRDefault="008D0FCA" w:rsidP="00561613">
    <w:pPr>
      <w:pStyle w:val="Sidhuvud"/>
    </w:pPr>
    <w:r>
      <w:rPr>
        <w:noProof/>
      </w:rPr>
      <w:drawing>
        <wp:anchor distT="0" distB="0" distL="0" distR="0" simplePos="0" relativeHeight="251659264" behindDoc="0" locked="0" layoutInCell="1" allowOverlap="1" wp14:anchorId="59A317A3" wp14:editId="60CEBCF4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32464029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2464029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B51E28" w14:textId="77777777" w:rsidR="00402212" w:rsidRDefault="00402212">
    <w:pPr>
      <w:pStyle w:val="Sidhuvud"/>
    </w:pPr>
  </w:p>
  <w:p w14:paraId="3F5296A9" w14:textId="3AD9BF2E" w:rsidR="00DA5B07" w:rsidRDefault="00DA5B07" w:rsidP="00B96627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Numreradlista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Numreradlista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Numreradlista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Numreradlista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Numreradlista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Punktlista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Punktlista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Punktlista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Punktlista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0576761"/>
    <w:multiLevelType w:val="hybridMultilevel"/>
    <w:tmpl w:val="3F3C4E48"/>
    <w:lvl w:ilvl="0" w:tplc="6660E1C0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1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8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1657798803">
    <w:abstractNumId w:val="3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159FE"/>
    <w:rsid w:val="00003BF7"/>
    <w:rsid w:val="000066E6"/>
    <w:rsid w:val="00006781"/>
    <w:rsid w:val="000138D3"/>
    <w:rsid w:val="00015365"/>
    <w:rsid w:val="0003454E"/>
    <w:rsid w:val="000379BD"/>
    <w:rsid w:val="000500C9"/>
    <w:rsid w:val="00092D0C"/>
    <w:rsid w:val="00094FA7"/>
    <w:rsid w:val="000A3B91"/>
    <w:rsid w:val="000C73D1"/>
    <w:rsid w:val="000D4D9E"/>
    <w:rsid w:val="000E31C0"/>
    <w:rsid w:val="00113F57"/>
    <w:rsid w:val="0012481A"/>
    <w:rsid w:val="00151205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1F2EF0"/>
    <w:rsid w:val="0023251A"/>
    <w:rsid w:val="0025111D"/>
    <w:rsid w:val="00253291"/>
    <w:rsid w:val="00262E41"/>
    <w:rsid w:val="00270D00"/>
    <w:rsid w:val="00271A6B"/>
    <w:rsid w:val="002727EE"/>
    <w:rsid w:val="002731E3"/>
    <w:rsid w:val="0028322B"/>
    <w:rsid w:val="00290328"/>
    <w:rsid w:val="00290824"/>
    <w:rsid w:val="002B2F06"/>
    <w:rsid w:val="002C1874"/>
    <w:rsid w:val="002E63BF"/>
    <w:rsid w:val="00305914"/>
    <w:rsid w:val="00337E47"/>
    <w:rsid w:val="003442FA"/>
    <w:rsid w:val="00353D63"/>
    <w:rsid w:val="0037189B"/>
    <w:rsid w:val="00373C34"/>
    <w:rsid w:val="003744D7"/>
    <w:rsid w:val="0038424E"/>
    <w:rsid w:val="0038615D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6E8"/>
    <w:rsid w:val="00400D10"/>
    <w:rsid w:val="00402212"/>
    <w:rsid w:val="00421205"/>
    <w:rsid w:val="00431052"/>
    <w:rsid w:val="004628E4"/>
    <w:rsid w:val="00465512"/>
    <w:rsid w:val="004758D8"/>
    <w:rsid w:val="00483C63"/>
    <w:rsid w:val="004A1396"/>
    <w:rsid w:val="004A14B2"/>
    <w:rsid w:val="004A701D"/>
    <w:rsid w:val="004B02A9"/>
    <w:rsid w:val="004B4287"/>
    <w:rsid w:val="004C201E"/>
    <w:rsid w:val="004C6EC1"/>
    <w:rsid w:val="004E2ED9"/>
    <w:rsid w:val="004F51A2"/>
    <w:rsid w:val="00500725"/>
    <w:rsid w:val="00500761"/>
    <w:rsid w:val="005202BE"/>
    <w:rsid w:val="00534C9B"/>
    <w:rsid w:val="00546B2B"/>
    <w:rsid w:val="005511C9"/>
    <w:rsid w:val="00561613"/>
    <w:rsid w:val="00562580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C4775"/>
    <w:rsid w:val="006D0CA6"/>
    <w:rsid w:val="006D3CF0"/>
    <w:rsid w:val="006E5F91"/>
    <w:rsid w:val="006F0B93"/>
    <w:rsid w:val="00717B9E"/>
    <w:rsid w:val="00720583"/>
    <w:rsid w:val="007352A0"/>
    <w:rsid w:val="00743995"/>
    <w:rsid w:val="00750B59"/>
    <w:rsid w:val="0075449C"/>
    <w:rsid w:val="00757937"/>
    <w:rsid w:val="007609B4"/>
    <w:rsid w:val="00763582"/>
    <w:rsid w:val="00771723"/>
    <w:rsid w:val="0077799B"/>
    <w:rsid w:val="00786074"/>
    <w:rsid w:val="00795276"/>
    <w:rsid w:val="007A4AD7"/>
    <w:rsid w:val="007A53B3"/>
    <w:rsid w:val="007B4C3A"/>
    <w:rsid w:val="007F0CFF"/>
    <w:rsid w:val="008105B5"/>
    <w:rsid w:val="0081169B"/>
    <w:rsid w:val="008305C0"/>
    <w:rsid w:val="00845C8D"/>
    <w:rsid w:val="00845ED8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5424"/>
    <w:rsid w:val="008F791F"/>
    <w:rsid w:val="00911713"/>
    <w:rsid w:val="00911DE3"/>
    <w:rsid w:val="0092148D"/>
    <w:rsid w:val="00926010"/>
    <w:rsid w:val="00931668"/>
    <w:rsid w:val="009324E6"/>
    <w:rsid w:val="00935C8C"/>
    <w:rsid w:val="0093636E"/>
    <w:rsid w:val="00936947"/>
    <w:rsid w:val="00946679"/>
    <w:rsid w:val="00973778"/>
    <w:rsid w:val="009D1DD6"/>
    <w:rsid w:val="009F45C0"/>
    <w:rsid w:val="00A0541B"/>
    <w:rsid w:val="00A12DA2"/>
    <w:rsid w:val="00A159FE"/>
    <w:rsid w:val="00A16D8C"/>
    <w:rsid w:val="00A25F9A"/>
    <w:rsid w:val="00A2758A"/>
    <w:rsid w:val="00A365DD"/>
    <w:rsid w:val="00A42FDA"/>
    <w:rsid w:val="00A44986"/>
    <w:rsid w:val="00A64817"/>
    <w:rsid w:val="00A80653"/>
    <w:rsid w:val="00A90CBC"/>
    <w:rsid w:val="00A9111B"/>
    <w:rsid w:val="00A929CA"/>
    <w:rsid w:val="00AB585D"/>
    <w:rsid w:val="00AD4AE2"/>
    <w:rsid w:val="00AE35FC"/>
    <w:rsid w:val="00AF43E9"/>
    <w:rsid w:val="00B05CE4"/>
    <w:rsid w:val="00B15DC2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43F50"/>
    <w:rsid w:val="00C651B3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6FA6"/>
    <w:rsid w:val="00CD7225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452B"/>
    <w:rsid w:val="00D25EBE"/>
    <w:rsid w:val="00D27F5D"/>
    <w:rsid w:val="00D45106"/>
    <w:rsid w:val="00D46529"/>
    <w:rsid w:val="00D76CDC"/>
    <w:rsid w:val="00D92877"/>
    <w:rsid w:val="00DA54E6"/>
    <w:rsid w:val="00DA5B07"/>
    <w:rsid w:val="00DB3081"/>
    <w:rsid w:val="00DB6AB7"/>
    <w:rsid w:val="00DE668B"/>
    <w:rsid w:val="00E0394C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03F4"/>
    <w:rsid w:val="00F16D57"/>
    <w:rsid w:val="00F35336"/>
    <w:rsid w:val="00F36137"/>
    <w:rsid w:val="00F4548C"/>
    <w:rsid w:val="00F653DA"/>
    <w:rsid w:val="00F775CC"/>
    <w:rsid w:val="00F8111A"/>
    <w:rsid w:val="00F90BC4"/>
    <w:rsid w:val="00F91EB1"/>
    <w:rsid w:val="00F971DA"/>
    <w:rsid w:val="00F97A4D"/>
    <w:rsid w:val="00FA604B"/>
    <w:rsid w:val="00FB3026"/>
    <w:rsid w:val="00FD2A90"/>
    <w:rsid w:val="00FE2A3A"/>
    <w:rsid w:val="00FE7EA4"/>
    <w:rsid w:val="00FF67AD"/>
    <w:rsid w:val="00FF6B0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71C71B3"/>
  <w15:chartTrackingRefBased/>
  <w15:docId w15:val="{02AC8023-5FFC-4BC4-B80D-D95E3D08330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Rubrik5">
    <w:name w:val="heading 5"/>
    <w:basedOn w:val="Normal"/>
    <w:next w:val="Normal"/>
    <w:link w:val="Rubrik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Rubrik6">
    <w:name w:val="heading 6"/>
    <w:basedOn w:val="Normal"/>
    <w:next w:val="Normal"/>
    <w:link w:val="Rubrik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Rubrik7">
    <w:name w:val="heading 7"/>
    <w:basedOn w:val="Normal"/>
    <w:next w:val="Normal"/>
    <w:link w:val="Rubrik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Rubrik8">
    <w:name w:val="heading 8"/>
    <w:basedOn w:val="Normal"/>
    <w:next w:val="Normal"/>
    <w:link w:val="Rubrik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a"/>
    <w:uiPriority w:val="99"/>
    <w:semiHidden/>
    <w:rsid w:val="00911DE3"/>
    <w:pPr>
      <w:numPr>
        <w:numId w:val="2"/>
      </w:numPr>
    </w:pPr>
  </w:style>
  <w:style w:type="paragraph" w:styleId="Ballongtext">
    <w:name w:val="Balloon Text"/>
    <w:basedOn w:val="Normal"/>
    <w:link w:val="Ballong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911DE3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Indragetstycke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xt">
    <w:name w:val="Body Text"/>
    <w:basedOn w:val="Normal"/>
    <w:link w:val="BrdtextChar"/>
    <w:uiPriority w:val="99"/>
    <w:semiHidden/>
    <w:rsid w:val="00B15DC2"/>
  </w:style>
  <w:style w:type="character" w:customStyle="1" w:styleId="BrdtextChar">
    <w:name w:val="Brödtext Char"/>
    <w:basedOn w:val="Standardstycketeckensnitt"/>
    <w:link w:val="Brdtext"/>
    <w:uiPriority w:val="99"/>
    <w:semiHidden/>
    <w:rsid w:val="001A6DC5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911DE3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911DE3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911DE3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911DE3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911DE3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911DE3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911DE3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911DE3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911DE3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911DE3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911DE3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911DE3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911DE3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911DE3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911DE3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911DE3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911DE3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911DE3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911DE3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911DE3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911DE3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911DE3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911DE3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911DE3"/>
    <w:rPr>
      <w:lang w:val="sv-SE"/>
    </w:rPr>
  </w:style>
  <w:style w:type="character" w:styleId="Betoning">
    <w:name w:val="Emphasis"/>
    <w:basedOn w:val="Standardstycketeckensnitt"/>
    <w:uiPriority w:val="8"/>
    <w:semiHidden/>
    <w:rsid w:val="00911DE3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6F0B93"/>
    <w:rPr>
      <w:lang w:val="sv-SE"/>
    </w:rPr>
  </w:style>
  <w:style w:type="paragraph" w:styleId="Adress-brev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ndaradress-brev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911DE3"/>
    <w:rPr>
      <w:color w:val="000000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C26C62"/>
    <w:rPr>
      <w:sz w:val="16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B15DC2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3">
    <w:name w:val="Grid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B15DC2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392BC1"/>
    <w:rPr>
      <w:rFonts w:eastAsiaTheme="majorEastAsia" w:cs="Arial"/>
      <w:b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392BC1"/>
    <w:rPr>
      <w:rFonts w:eastAsiaTheme="majorEastAsia" w:cs="Arial"/>
      <w:b/>
      <w:iCs/>
      <w:sz w:val="18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92148D"/>
    <w:rPr>
      <w:rFonts w:eastAsiaTheme="majorEastAsia" w:cs="Arial"/>
      <w:b/>
      <w:iCs/>
      <w:sz w:val="18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92148D"/>
    <w:rPr>
      <w:rFonts w:eastAsiaTheme="majorEastAsia" w:cs="Arial"/>
      <w:b/>
      <w:sz w:val="18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92148D"/>
    <w:rPr>
      <w:rFonts w:eastAsiaTheme="majorEastAsia" w:cs="Arial"/>
      <w:b/>
      <w:iCs/>
      <w:sz w:val="18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911DE3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911DE3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911DE3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911DE3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911DE3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911DE3"/>
    <w:rPr>
      <w:rFonts w:ascii="Avenir Next LT Pro" w:hAnsi="Avenir Next LT Pro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911DE3"/>
    <w:rPr>
      <w:i/>
      <w:iCs/>
      <w:lang w:val="sv-SE"/>
    </w:rPr>
  </w:style>
  <w:style w:type="character" w:styleId="Hyperlnk">
    <w:name w:val="Hyperlink"/>
    <w:basedOn w:val="Standardstycketeckensnitt"/>
    <w:uiPriority w:val="99"/>
    <w:rsid w:val="00911DE3"/>
    <w:rPr>
      <w:color w:val="000000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911DE3"/>
    <w:rPr>
      <w:i/>
      <w:iCs/>
      <w:color w:val="280071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A44986"/>
    <w:rPr>
      <w:i/>
      <w:iCs/>
      <w:color w:val="280071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911DE3"/>
    <w:rPr>
      <w:b/>
      <w:bCs/>
      <w:smallCaps/>
      <w:color w:val="280071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911DE3"/>
    <w:rPr>
      <w:lang w:val="sv-SE"/>
    </w:rPr>
  </w:style>
  <w:style w:type="paragraph" w:styleId="Lista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Punktlista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Punktlista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Punktlista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Numreradlista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Numreradlista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Numreradlista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stycke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2">
    <w:name w:val="List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3">
    <w:name w:val="List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A44986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rsid w:val="00B15DC2"/>
    <w:rPr>
      <w:lang w:val="sv-SE"/>
    </w:rPr>
  </w:style>
  <w:style w:type="paragraph" w:styleId="Normalweb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757937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911DE3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A44986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911DE3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911DE3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A44986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CitatChar">
    <w:name w:val="Citat Char"/>
    <w:basedOn w:val="Standardstycketeckensnitt"/>
    <w:link w:val="Citat"/>
    <w:uiPriority w:val="12"/>
    <w:semiHidden/>
    <w:rsid w:val="00B15DC2"/>
    <w:rPr>
      <w:iCs/>
      <w:color w:val="280071" w:themeColor="accent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911DE3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A44986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A44986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911DE3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911DE3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911DE3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11DE3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911DE3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ehll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ehll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ehll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ehll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qFormat/>
    <w:rsid w:val="004A1396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911DE3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sv-SE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sv-SE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al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reradlista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Normal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Rubrik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Rubrik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Rubrik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Rubrik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ordmisa\AppData\Local\Temp\Templafy\WordVsto\tn5odyn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244122E8A3446C8ABF10DD720B4163D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1359BB66-CEE0-4113-B8FF-5D9133E4E947}"/>
      </w:docPartPr>
      <w:docPartBody>
        <w:p w:rsidR="00A460D2" w:rsidRDefault="00A460D2">
          <w:pPr>
            <w:pStyle w:val="D244122E8A3446C8ABF10DD720B4163D"/>
          </w:pPr>
          <w:bookmarkStart w:id="0" w:name="start"/>
          <w:bookmarkEnd w:id="0"/>
          <w:r w:rsidRPr="00952021">
            <w:rPr>
              <w:rStyle w:val="Platshllartext"/>
            </w:rPr>
            <w:t>Page</w:t>
          </w:r>
        </w:p>
      </w:docPartBody>
    </w:docPart>
    <w:docPart>
      <w:docPartPr>
        <w:name w:val="B49E71DC1B6F4189A1F4622C37DD74CA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E3F666A7-481E-4975-98EB-4184D5B89D9A}"/>
      </w:docPartPr>
      <w:docPartBody>
        <w:p w:rsidR="00A460D2" w:rsidRDefault="00A460D2">
          <w:pPr>
            <w:pStyle w:val="B49E71DC1B6F4189A1F4622C37DD74CA"/>
          </w:pPr>
          <w:r w:rsidRPr="00952021">
            <w:rPr>
              <w:rStyle w:val="Platshlla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460D2"/>
    <w:rsid w:val="00421205"/>
    <w:rsid w:val="004B02A9"/>
    <w:rsid w:val="00A460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sv-SE" w:eastAsia="sv-SE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Pr>
      <w:color w:val="808080"/>
    </w:rPr>
  </w:style>
  <w:style w:type="paragraph" w:customStyle="1" w:styleId="D244122E8A3446C8ABF10DD720B4163D">
    <w:name w:val="D244122E8A3446C8ABF10DD720B4163D"/>
  </w:style>
  <w:style w:type="paragraph" w:customStyle="1" w:styleId="B49E71DC1B6F4189A1F4622C37DD74CA">
    <w:name w:val="B49E71DC1B6F4189A1F4622C37DD74C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d1a11029-6c21-4eaf-b970-14e256d240e1"},{"elementConfiguration":{"binding":"{{Translate(\"of\")}}","promptAiService":false,"visibility":"","removeAndKeepContent":false,"disableUpdates":false,"type":"text"},"type":"richTextContentControl","id":"9f0bf457-6fba-4207-a90d-690eab7d5d92"},{"elementConfiguration":{"binding":"{{Translate(\"Page\")}}","promptAiService":false,"visibility":"","removeAndKeepContent":false,"disableUpdates":false,"type":"text"},"type":"richTextContentControl","id":"fa54b8f7-4e60-4652-9e09-661ba393e602"},{"elementConfiguration":{"binding":"{{Translate(\"of\")}}","promptAiService":false,"visibility":"","removeAndKeepContent":false,"disableUpdates":false,"type":"text"},"type":"richTextContentControl","id":"07274676-5000-4318-a213-b5644afe363a"},{"elementConfiguration":{"binding":"{{Translate(\"Page\")}}","promptAiService":false,"visibility":"","removeAndKeepContent":false,"disableUpdates":false,"type":"text"},"type":"richTextContentControl","id":"15484958-1a8d-4bb5-8bcc-de81f8330e5e"},{"elementConfiguration":{"binding":"{{Translate(\"of\")}}","promptAiService":false,"visibility":"","removeAndKeepContent":false,"disableUpdates":false,"type":"text"},"type":"richTextContentControl","id":"30684495-c947-4f9f-8b5c-eb0876943bbb"},{"elementConfiguration":{"binding":"{{Translate(\"Page\")}}","promptAiService":false,"visibility":"","removeAndKeepContent":false,"disableUpdates":false,"type":"text"},"type":"richTextContentControl","id":"5ee38fd6-76bc-4173-806f-d6f62272ffbb"},{"elementConfiguration":{"binding":"{{Translate(\"of\")}}","promptAiService":false,"visibility":"","removeAndKeepContent":false,"disableUpdates":false,"type":"text"},"type":"richTextContentControl","id":"62a7548d-e48c-4d59-8c87-360db7d8586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n5odynn.dotx</Template>
  <TotalTime>9</TotalTime>
  <Pages>2</Pages>
  <Words>302</Words>
  <Characters>1606</Characters>
  <Application>Microsoft Office Word</Application>
  <DocSecurity>0</DocSecurity>
  <Lines>13</Lines>
  <Paragraphs>3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6" baseType="lpstr">
      <vt:lpstr/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190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sabell Nordmark</dc:creator>
  <cp:keywords/>
  <dc:description/>
  <cp:lastModifiedBy>Isabell Nordmark</cp:lastModifiedBy>
  <cp:revision>2</cp:revision>
  <dcterms:created xsi:type="dcterms:W3CDTF">2026-04-15T09:41:00Z</dcterms:created>
  <dcterms:modified xsi:type="dcterms:W3CDTF">2026-04-15T09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90855056441595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08-21T07:53:17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e65538ec-95e7-4937-a375-a74c3d292611</vt:lpwstr>
  </property>
  <property fmtid="{D5CDD505-2E9C-101B-9397-08002B2CF9AE}" pid="13" name="MSIP_Label_3b623b29-abd1-4de3-a20c-27566d79b7c7_ContentBits">
    <vt:lpwstr>0</vt:lpwstr>
  </property>
</Properties>
</file>